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:rsidRPr="002717F7" w:rsidR="00020201" w:rsidRDefault="00FA74D9" w14:paraId="5F0A9977" w14:textId="77777777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:rsidRPr="002717F7" w:rsidR="00020201" w:rsidRDefault="00BB3BB0" w14:paraId="34AE5BE6" w14:textId="77777777"/>
    <w:p w:rsidRPr="00586B1F" w:rsidR="00020201" w:rsidRDefault="00FA74D9" w14:paraId="20084F16" w14:textId="522F1522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r w:rsidRPr="00252DF6" w:rsidR="00252DF6">
        <w:rPr>
          <w:sz w:val="22"/>
        </w:rPr>
        <w:t>Aros Bostadsutveckling AB, org.nr 556699-1088</w:t>
      </w:r>
      <w:r w:rsidRPr="00586B1F">
        <w:rPr>
          <w:sz w:val="22"/>
          <w:szCs w:val="22"/>
        </w:rPr>
        <w:t xml:space="preserve">, vid </w:t>
      </w:r>
      <w:r w:rsidR="00EE2635">
        <w:rPr>
          <w:sz w:val="22"/>
          <w:szCs w:val="22"/>
        </w:rPr>
        <w:t>extra bolagsstämma</w:t>
      </w:r>
      <w:r w:rsidR="009969D0">
        <w:rPr>
          <w:sz w:val="22"/>
          <w:szCs w:val="22"/>
        </w:rPr>
        <w:t>n</w:t>
      </w:r>
      <w:r w:rsidRPr="00586B1F">
        <w:rPr>
          <w:sz w:val="22"/>
          <w:szCs w:val="22"/>
        </w:rPr>
        <w:t xml:space="preserve"> den </w:t>
      </w:r>
      <w:r w:rsidR="00BB3BB0">
        <w:rPr>
          <w:sz w:val="22"/>
          <w:szCs w:val="22"/>
        </w:rPr>
        <w:t>16 februari</w:t>
      </w:r>
      <w:r w:rsidR="006C12DA">
        <w:rPr>
          <w:sz w:val="22"/>
          <w:szCs w:val="22"/>
        </w:rPr>
        <w:t xml:space="preserve"> 202</w:t>
      </w:r>
      <w:r w:rsidR="00EE2635">
        <w:rPr>
          <w:sz w:val="22"/>
          <w:szCs w:val="22"/>
        </w:rPr>
        <w:t>4</w:t>
      </w:r>
      <w:r w:rsidRPr="00586B1F">
        <w:rPr>
          <w:sz w:val="22"/>
          <w:szCs w:val="22"/>
        </w:rPr>
        <w:t>.</w:t>
      </w:r>
      <w:r w:rsidR="00627907">
        <w:rPr>
          <w:sz w:val="22"/>
          <w:szCs w:val="22"/>
        </w:rPr>
        <w:t xml:space="preserve"> </w:t>
      </w:r>
    </w:p>
    <w:p w:rsidRPr="00A74C1D" w:rsidR="00020201" w:rsidRDefault="00BB3BB0" w14:paraId="79CED23C" w14:textId="77777777">
      <w:pPr>
        <w:rPr>
          <w:sz w:val="22"/>
          <w:szCs w:val="22"/>
        </w:rPr>
      </w:pPr>
    </w:p>
    <w:p w:rsidRPr="00A74C1D" w:rsidR="00020201" w:rsidRDefault="00FA74D9" w14:paraId="0E64406F" w14:textId="77777777">
      <w:pPr>
        <w:rPr>
          <w:b/>
          <w:bCs/>
          <w:sz w:val="22"/>
          <w:szCs w:val="22"/>
        </w:rPr>
      </w:pPr>
      <w:r w:rsidRPr="00A74C1D">
        <w:rPr>
          <w:b/>
          <w:bCs/>
          <w:sz w:val="22"/>
          <w:szCs w:val="22"/>
        </w:rPr>
        <w:t>Ombud</w:t>
      </w:r>
    </w:p>
    <w:p w:rsidRPr="00A74C1D" w:rsidR="00020201" w:rsidRDefault="00BB3BB0" w14:paraId="3708A6E2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304010" w:rsidTr="00020201" w14:paraId="1954BCC4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61F70DA8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mbudets namn</w:t>
            </w:r>
          </w:p>
          <w:p w:rsidRPr="002717F7" w:rsidR="00020201" w:rsidRDefault="00BB3BB0" w14:paraId="5DD3D2E7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BB3BB0" w14:paraId="224EBED6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BB3BB0" w14:paraId="41FBE631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77BAC675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:rsidRPr="002717F7" w:rsidR="00020201" w:rsidRDefault="00BB3BB0" w14:paraId="535C5C7B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5A63FC95" w14:textId="77777777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 w14:paraId="62DA7C20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Utdelningsadress</w:t>
            </w:r>
          </w:p>
          <w:p w:rsidRPr="002717F7" w:rsidR="00020201" w:rsidRDefault="00BB3BB0" w14:paraId="72D8B80E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BB3BB0" w14:paraId="7F19E885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BB3BB0" w14:paraId="1FFA24D7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41DF85B6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48DDCDF9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ostnummer och postadress</w:t>
            </w:r>
          </w:p>
          <w:p w:rsidRPr="002717F7" w:rsidR="00020201" w:rsidRDefault="00BB3BB0" w14:paraId="0033AE3D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BB3BB0" w14:paraId="59B01966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BB3BB0" w14:paraId="53CB4395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37EC9813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BB3BB0" w14:paraId="0A92EECB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A74C1D" w:rsidR="00020201" w:rsidRDefault="00BB3BB0" w14:paraId="37197826" w14:textId="77777777">
      <w:pPr>
        <w:rPr>
          <w:b/>
          <w:bCs/>
          <w:sz w:val="22"/>
          <w:szCs w:val="22"/>
        </w:rPr>
      </w:pPr>
    </w:p>
    <w:p w:rsidRPr="00A74C1D" w:rsidR="00020201" w:rsidRDefault="00FA74D9" w14:paraId="67232C42" w14:textId="77777777">
      <w:pPr>
        <w:rPr>
          <w:b/>
          <w:bCs/>
          <w:sz w:val="22"/>
          <w:szCs w:val="22"/>
        </w:rPr>
      </w:pPr>
      <w:r w:rsidRPr="00A74C1D">
        <w:rPr>
          <w:b/>
          <w:bCs/>
          <w:sz w:val="22"/>
          <w:szCs w:val="22"/>
        </w:rPr>
        <w:t>Underskrift av aktieägaren</w:t>
      </w:r>
    </w:p>
    <w:p w:rsidRPr="00A74C1D" w:rsidR="00020201" w:rsidRDefault="00BB3BB0" w14:paraId="4B65D3BE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304010" w:rsidTr="00020201" w14:paraId="424FA1F2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1C78EBDA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Aktieägarens namn</w:t>
            </w:r>
          </w:p>
          <w:p w:rsidRPr="002717F7" w:rsidR="00020201" w:rsidRDefault="00BB3BB0" w14:paraId="65FCDD24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BB3BB0" w14:paraId="30BC8AD7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BB3BB0" w14:paraId="4C272F00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1642E520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:rsidRPr="002717F7" w:rsidR="00020201" w:rsidRDefault="00BB3BB0" w14:paraId="1F5CB31A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09795CB1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04048EEB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rt och datum</w:t>
            </w:r>
          </w:p>
          <w:p w:rsidRPr="002717F7" w:rsidR="00020201" w:rsidRDefault="00BB3BB0" w14:paraId="3DEB8438" w14:textId="77777777">
            <w:pPr>
              <w:rPr>
                <w:sz w:val="20"/>
                <w:szCs w:val="20"/>
              </w:rPr>
            </w:pPr>
          </w:p>
          <w:p w:rsidRPr="002717F7" w:rsidR="00020201" w:rsidRDefault="00BB3BB0" w14:paraId="0F3C30B0" w14:textId="77777777">
            <w:pPr>
              <w:rPr>
                <w:sz w:val="20"/>
                <w:szCs w:val="20"/>
              </w:rPr>
            </w:pPr>
          </w:p>
          <w:p w:rsidRPr="002717F7" w:rsidR="00020201" w:rsidRDefault="00BB3BB0" w14:paraId="13248956" w14:textId="77777777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7BB560F6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BB3BB0" w14:paraId="7855AA76" w14:textId="77777777">
            <w:pPr>
              <w:rPr>
                <w:sz w:val="20"/>
                <w:szCs w:val="20"/>
              </w:rPr>
            </w:pPr>
          </w:p>
        </w:tc>
      </w:tr>
      <w:tr w:rsidR="00304010" w:rsidTr="00020201" w14:paraId="0C9F584F" w14:textId="77777777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 w14:paraId="0FE5B477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Namnteckning*</w:t>
            </w:r>
          </w:p>
          <w:p w:rsidRPr="002717F7" w:rsidR="00020201" w:rsidRDefault="00BB3BB0" w14:paraId="7A48FB9D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BB3BB0" w14:paraId="5CE9B3B0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586B1F" w:rsidR="00020201" w:rsidRDefault="008544C0" w14:paraId="580B7B5B" w14:textId="77777777">
      <w:pPr>
        <w:rPr>
          <w:sz w:val="20"/>
          <w:szCs w:val="20"/>
        </w:rPr>
      </w:pPr>
      <w:r>
        <w:rPr>
          <w:sz w:val="20"/>
          <w:szCs w:val="20"/>
        </w:rPr>
        <w:t>* Vid firmateckning ska</w:t>
      </w:r>
      <w:r w:rsidRPr="00586B1F" w:rsidR="00FA74D9">
        <w:rPr>
          <w:sz w:val="20"/>
          <w:szCs w:val="20"/>
        </w:rPr>
        <w:t xml:space="preserve"> namnförtydligande anges vid namnteckningen och aktuellt registreringsbevis </w:t>
      </w:r>
      <w:r w:rsidR="00FA74D9">
        <w:rPr>
          <w:sz w:val="20"/>
          <w:szCs w:val="20"/>
        </w:rPr>
        <w:t xml:space="preserve">(eller </w:t>
      </w:r>
      <w:r>
        <w:rPr>
          <w:sz w:val="20"/>
          <w:szCs w:val="20"/>
        </w:rPr>
        <w:t>motsvarande</w:t>
      </w:r>
      <w:r w:rsidR="00FA74D9">
        <w:rPr>
          <w:sz w:val="20"/>
          <w:szCs w:val="20"/>
        </w:rPr>
        <w:t xml:space="preserve"> handling) </w:t>
      </w:r>
      <w:r w:rsidRPr="00586B1F" w:rsidR="00FA74D9">
        <w:rPr>
          <w:sz w:val="20"/>
          <w:szCs w:val="20"/>
        </w:rPr>
        <w:t xml:space="preserve">biläggas det ifyllda fullmaktsformuläret. </w:t>
      </w:r>
    </w:p>
    <w:p w:rsidRPr="002717F7" w:rsidR="00020201" w:rsidRDefault="00BB3BB0" w14:paraId="4B8835CA" w14:textId="77777777"/>
    <w:p w:rsidRPr="006C12DA" w:rsidR="00020201" w:rsidP="003F4054" w:rsidRDefault="00FA74D9" w14:paraId="43845728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18"/>
          <w:szCs w:val="18"/>
        </w:rPr>
      </w:pPr>
      <w:r w:rsidRPr="008544C0">
        <w:rPr>
          <w:sz w:val="18"/>
          <w:szCs w:val="18"/>
        </w:rPr>
        <w:t>Observera att anmälan om aktieägares deltagande vid bolagsstämman måste ske på det sätt som föreskrivs i kallelsen även om ak</w:t>
      </w:r>
      <w:r w:rsidRPr="006C12DA">
        <w:rPr>
          <w:sz w:val="18"/>
          <w:szCs w:val="18"/>
        </w:rPr>
        <w:t xml:space="preserve">tieägaren önskar utöva sin rösträtt genom ombud. Inskickat fullmaktsformulär gäller </w:t>
      </w:r>
      <w:r w:rsidRPr="006C12DA">
        <w:rPr>
          <w:sz w:val="18"/>
          <w:szCs w:val="18"/>
          <w:u w:val="single"/>
        </w:rPr>
        <w:t>inte</w:t>
      </w:r>
      <w:r w:rsidRPr="006C12DA">
        <w:rPr>
          <w:sz w:val="18"/>
          <w:szCs w:val="18"/>
        </w:rPr>
        <w:t xml:space="preserve"> som anmälan till bolagsstämman.</w:t>
      </w:r>
    </w:p>
    <w:p w:rsidRPr="006C12DA" w:rsidR="003F4054" w:rsidRDefault="00BB3BB0" w14:paraId="47106C07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18"/>
          <w:szCs w:val="18"/>
        </w:rPr>
      </w:pPr>
    </w:p>
    <w:p w:rsidRPr="006C12DA" w:rsidR="00020201" w:rsidRDefault="00FA74D9" w14:paraId="5C0D21DB" w14:textId="1D321436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18"/>
          <w:szCs w:val="18"/>
        </w:rPr>
      </w:pPr>
      <w:r w:rsidRPr="006C12DA">
        <w:rPr>
          <w:sz w:val="18"/>
          <w:szCs w:val="18"/>
        </w:rPr>
        <w:t xml:space="preserve">Det ifyllda fullmaktsformuläret (med eventuella bilagor) bör sändas till </w:t>
      </w:r>
      <w:r w:rsidR="00EE2635">
        <w:rPr>
          <w:sz w:val="18"/>
          <w:szCs w:val="18"/>
        </w:rPr>
        <w:t>Extra bolagsstämma</w:t>
      </w:r>
      <w:r w:rsidRPr="006C12DA" w:rsidR="00A74C1D">
        <w:rPr>
          <w:sz w:val="18"/>
          <w:szCs w:val="18"/>
        </w:rPr>
        <w:t xml:space="preserve"> </w:t>
      </w:r>
      <w:r w:rsidRPr="006C12DA" w:rsidR="00252DF6">
        <w:rPr>
          <w:sz w:val="18"/>
          <w:szCs w:val="18"/>
        </w:rPr>
        <w:t>Aros Bostadsutveckling AB</w:t>
      </w:r>
      <w:r w:rsidRPr="006C12DA">
        <w:rPr>
          <w:sz w:val="18"/>
          <w:szCs w:val="18"/>
        </w:rPr>
        <w:t xml:space="preserve">, </w:t>
      </w:r>
      <w:r w:rsidRPr="006C12DA" w:rsidR="005A7937">
        <w:rPr>
          <w:sz w:val="18"/>
          <w:szCs w:val="18"/>
        </w:rPr>
        <w:t xml:space="preserve">c/o Baker &amp; McKenzie Advokatbyrå KB, Att: </w:t>
      </w:r>
      <w:r w:rsidRPr="006C12DA" w:rsidR="00FA1326">
        <w:rPr>
          <w:sz w:val="18"/>
          <w:szCs w:val="18"/>
        </w:rPr>
        <w:t xml:space="preserve">Carl </w:t>
      </w:r>
      <w:r w:rsidR="00EE2635">
        <w:rPr>
          <w:sz w:val="18"/>
          <w:szCs w:val="18"/>
        </w:rPr>
        <w:t>Bohman</w:t>
      </w:r>
      <w:r w:rsidRPr="006C12DA" w:rsidR="005A7937">
        <w:rPr>
          <w:sz w:val="18"/>
          <w:szCs w:val="18"/>
        </w:rPr>
        <w:t>, Box 180, 101 23 Stockholm</w:t>
      </w:r>
      <w:r w:rsidR="00486A75">
        <w:rPr>
          <w:sz w:val="18"/>
          <w:szCs w:val="18"/>
        </w:rPr>
        <w:t xml:space="preserve"> </w:t>
      </w:r>
      <w:r w:rsidRPr="00486A75" w:rsidR="00486A75">
        <w:rPr>
          <w:sz w:val="18"/>
          <w:szCs w:val="18"/>
        </w:rPr>
        <w:t>(vänligen märk kuvertet "</w:t>
      </w:r>
      <w:r w:rsidR="00822312">
        <w:rPr>
          <w:sz w:val="18"/>
          <w:szCs w:val="18"/>
        </w:rPr>
        <w:t>EGM</w:t>
      </w:r>
      <w:r w:rsidRPr="00D45785" w:rsidR="00D45785">
        <w:rPr>
          <w:sz w:val="18"/>
          <w:szCs w:val="18"/>
        </w:rPr>
        <w:t xml:space="preserve"> 2023 Aros Bostadsutveckling AB</w:t>
      </w:r>
      <w:r w:rsidRPr="00486A75" w:rsidR="00486A75">
        <w:rPr>
          <w:sz w:val="18"/>
          <w:szCs w:val="18"/>
        </w:rPr>
        <w:t>")</w:t>
      </w:r>
      <w:r w:rsidRPr="006C12DA" w:rsidR="005A7937">
        <w:rPr>
          <w:sz w:val="18"/>
          <w:szCs w:val="18"/>
        </w:rPr>
        <w:t xml:space="preserve">, </w:t>
      </w:r>
      <w:r w:rsidRPr="006C12DA">
        <w:rPr>
          <w:sz w:val="18"/>
          <w:szCs w:val="18"/>
        </w:rPr>
        <w:t xml:space="preserve">tillsammans med anmälan om deltagande i god tid före stämman. Om aktieägaren </w:t>
      </w:r>
      <w:r w:rsidRPr="006C12DA">
        <w:rPr>
          <w:sz w:val="18"/>
          <w:szCs w:val="18"/>
          <w:u w:val="single"/>
        </w:rPr>
        <w:t>inte</w:t>
      </w:r>
      <w:r w:rsidRPr="006C12DA">
        <w:rPr>
          <w:i/>
          <w:sz w:val="18"/>
          <w:szCs w:val="18"/>
        </w:rPr>
        <w:t xml:space="preserve"> </w:t>
      </w:r>
      <w:r w:rsidRPr="006C12DA">
        <w:rPr>
          <w:sz w:val="18"/>
          <w:szCs w:val="18"/>
        </w:rPr>
        <w:t>önskar utöva sin rösträtt genom ombud behöver fullmaktsformuläret inte skickas in.</w:t>
      </w:r>
    </w:p>
    <w:p w:rsidRPr="006C12DA" w:rsidR="00453E81" w:rsidRDefault="00453E81" w14:paraId="7ED8BC2D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18"/>
          <w:szCs w:val="18"/>
        </w:rPr>
      </w:pPr>
    </w:p>
    <w:p w:rsidRPr="006C12DA" w:rsidR="00FA1326" w:rsidP="00FA1326" w:rsidRDefault="00FA1326" w14:paraId="5BB80095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b/>
          <w:bCs/>
          <w:sz w:val="18"/>
          <w:szCs w:val="18"/>
        </w:rPr>
      </w:pPr>
      <w:r w:rsidRPr="006C12DA">
        <w:rPr>
          <w:b/>
          <w:bCs/>
          <w:sz w:val="18"/>
          <w:szCs w:val="18"/>
        </w:rPr>
        <w:t xml:space="preserve">Hantering av personuppgifter </w:t>
      </w:r>
    </w:p>
    <w:p w:rsidRPr="007D16F8" w:rsidR="008544C0" w:rsidP="00FA1326" w:rsidRDefault="00FA1326" w14:paraId="3CFB463F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18"/>
          <w:szCs w:val="18"/>
        </w:rPr>
      </w:pPr>
      <w:r w:rsidRPr="006C12DA">
        <w:rPr>
          <w:sz w:val="18"/>
          <w:szCs w:val="18"/>
        </w:rPr>
        <w:t xml:space="preserve">För information om hur dina personuppgifter behandlas hänvisas till den integritetspolicy som finns tillgänglig på Euroclear Sweden AB:s hemsida: </w:t>
      </w:r>
      <w:r w:rsidRPr="006C12DA" w:rsidR="00106697">
        <w:rPr>
          <w:sz w:val="18"/>
          <w:szCs w:val="18"/>
        </w:rPr>
        <w:t>https://www.euroclear.com/dam/ESw/Legal/Integritetspolicy-bolagsstammor-svenska.pdf.</w:t>
      </w:r>
    </w:p>
    <w:sectPr w:rsidRPr="007D16F8" w:rsidR="008544C0" w:rsidSect="007D16F8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7" w:h="16839" w:code="1"/>
      <w:pgMar w:top="90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:rsidR="0075473D" w:rsidRDefault="00FA74D9" w14:paraId="1FA4515D" w14:textId="77777777">
      <w:r>
        <w:separator/>
      </w:r>
    </w:p>
  </w:endnote>
  <w:endnote w:type="continuationSeparator" w:id="0">
    <w:p w:rsidR="0075473D" w:rsidRDefault="00FA74D9" w14:paraId="7FD7BFB9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020201" w:rsidRDefault="00BB3BB0" w14:paraId="05887607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79B1B083" w14:textId="77777777">
      <w:tc>
        <w:tcPr>
          <w:tcW w:w="2000" w:type="pct"/>
          <w:vAlign w:val="bottom"/>
        </w:tcPr>
        <w:p w:rsidR="00020201" w:rsidRDefault="00FA74D9" w14:paraId="5F249028" w14:textId="77777777">
          <w:pPr>
            <w:pStyle w:val="Footer"/>
          </w:pPr>
          <w:r>
            <w:t>2011-12-30 15:25 (2K)</w:t>
          </w:r>
        </w:p>
        <w:p w:rsidR="00020201" w:rsidP="00093537" w:rsidRDefault="00FA74D9" w14:paraId="18BB2F6B" w14:textId="77777777">
          <w:pPr>
            <w:pStyle w:val="Footer"/>
          </w:pPr>
          <w:r>
            <w:t>[stlight - Fullmaktsformulär.doc]</w:t>
          </w:r>
        </w:p>
      </w:tc>
      <w:tc>
        <w:tcPr>
          <w:tcW w:w="1000" w:type="pct"/>
        </w:tcPr>
        <w:p w:rsidR="00020201" w:rsidRDefault="00BB3BB0" w14:paraId="6016CA06" w14:textId="77777777">
          <w:pPr>
            <w:pStyle w:val="WCPageNumber"/>
          </w:pPr>
        </w:p>
      </w:tc>
      <w:tc>
        <w:tcPr>
          <w:tcW w:w="2000" w:type="pct"/>
        </w:tcPr>
        <w:p w:rsidR="00020201" w:rsidRDefault="00BB3BB0" w14:paraId="6551442F" w14:textId="77777777">
          <w:pPr>
            <w:pStyle w:val="Footer"/>
            <w:jc w:val="right"/>
          </w:pPr>
        </w:p>
      </w:tc>
    </w:tr>
  </w:tbl>
  <w:p w:rsidR="00020201" w:rsidRDefault="00BB3BB0" w14:paraId="30CD91F1" w14:textId="77777777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020201" w:rsidRDefault="00BB3BB0" w14:paraId="05E397EB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447EE20F" w14:textId="77777777">
      <w:tc>
        <w:tcPr>
          <w:tcW w:w="2000" w:type="pct"/>
          <w:vAlign w:val="bottom"/>
        </w:tcPr>
        <w:p w:rsidR="00020201" w:rsidRDefault="00FA74D9" w14:paraId="0747B6DD" w14:textId="77777777">
          <w:pPr>
            <w:pStyle w:val="Footer"/>
          </w:pPr>
          <w:r>
            <w:t>2011-12-30 15:25 (2K)</w:t>
          </w:r>
        </w:p>
        <w:p w:rsidR="00020201" w:rsidP="00093537" w:rsidRDefault="00FA74D9" w14:paraId="653F015E" w14:textId="77777777">
          <w:pPr>
            <w:pStyle w:val="Footer"/>
          </w:pPr>
          <w:r>
            <w:t>[stlight - Fullmaktsformulär.doc]</w:t>
          </w:r>
        </w:p>
      </w:tc>
      <w:tc>
        <w:tcPr>
          <w:tcW w:w="1000" w:type="pct"/>
        </w:tcPr>
        <w:p w:rsidR="00020201" w:rsidRDefault="00FA74D9" w14:paraId="3D245F1F" w14:textId="77777777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 w:rsidR="007D16F8"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:rsidR="00020201" w:rsidRDefault="00BB3BB0" w14:paraId="3761F849" w14:textId="77777777">
          <w:pPr>
            <w:pStyle w:val="Footer"/>
            <w:jc w:val="right"/>
          </w:pPr>
        </w:p>
      </w:tc>
    </w:tr>
  </w:tbl>
  <w:p w:rsidR="00996247" w:rsidRDefault="00FA74D9" w14:paraId="52B3359C" w14:textId="77777777">
    <w:pPr>
      <w:pStyle w:val="Footer"/>
      <w:rPr>
        <w:sz w:val="8"/>
      </w:rPr>
    </w:pPr>
    <w:r>
      <w:rPr>
        <w:sz w:val="8"/>
      </w:rPr>
      <w:t>1741917-v1\STODMS</w:t>
    </w:r>
  </w:p>
  <w:p w:rsidR="00020201" w:rsidP="00996247" w:rsidRDefault="00996247" w14:paraId="401C8B8C" w14:textId="7777777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996247">
      <w:rPr>
        <w:sz w:val="14"/>
      </w:rPr>
      <w:instrText>IF "</w:instrText>
    </w:r>
    <w:r w:rsidRPr="00996247">
      <w:rPr>
        <w:sz w:val="14"/>
      </w:rPr>
      <w:fldChar w:fldCharType="begin"/>
    </w:r>
    <w:r w:rsidRPr="00996247">
      <w:rPr>
        <w:sz w:val="14"/>
      </w:rPr>
      <w:instrText xml:space="preserve"> DOCVARIABLE "SWDocIDLocation" </w:instrText>
    </w:r>
    <w:r w:rsidRPr="00996247">
      <w:rPr>
        <w:sz w:val="14"/>
      </w:rPr>
      <w:fldChar w:fldCharType="separate"/>
    </w:r>
    <w:r>
      <w:rPr>
        <w:sz w:val="14"/>
      </w:rPr>
      <w:instrText>1</w:instrText>
    </w:r>
    <w:r w:rsidRPr="00996247">
      <w:rPr>
        <w:sz w:val="14"/>
      </w:rPr>
      <w:fldChar w:fldCharType="end"/>
    </w:r>
    <w:r w:rsidRPr="00996247">
      <w:rPr>
        <w:sz w:val="14"/>
      </w:rPr>
      <w:instrText>" = "1" "</w:instrText>
    </w:r>
    <w:r w:rsidRPr="00996247">
      <w:rPr>
        <w:sz w:val="14"/>
      </w:rPr>
      <w:fldChar w:fldCharType="begin"/>
    </w:r>
    <w:r w:rsidRPr="00996247">
      <w:rPr>
        <w:sz w:val="14"/>
      </w:rPr>
      <w:instrText xml:space="preserve"> DOCPROPERTY "SWDocID" </w:instrText>
    </w:r>
    <w:r w:rsidRPr="00996247">
      <w:rPr>
        <w:sz w:val="14"/>
      </w:rPr>
      <w:fldChar w:fldCharType="separate"/>
    </w:r>
    <w:r>
      <w:rPr>
        <w:sz w:val="14"/>
      </w:rPr>
      <w:instrText>2747529-v1\STODMS</w:instrText>
    </w:r>
    <w:r w:rsidRPr="00996247">
      <w:rPr>
        <w:sz w:val="14"/>
      </w:rPr>
      <w:fldChar w:fldCharType="end"/>
    </w:r>
    <w:r w:rsidRPr="0099624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>
      <w:rPr>
        <w:noProof/>
        <w:sz w:val="14"/>
      </w:rPr>
      <w:t>2747529-v1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FA1326" w:rsidRDefault="00FA1326" w14:paraId="719AE29C" w14:textId="77777777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:rsidR="0075473D" w:rsidRDefault="00FA74D9" w14:paraId="0EC2AADE" w14:textId="77777777">
      <w:r>
        <w:separator/>
      </w:r>
    </w:p>
  </w:footnote>
  <w:footnote w:type="continuationSeparator" w:id="0">
    <w:p w:rsidR="0075473D" w:rsidRDefault="00FA74D9" w14:paraId="72FC6323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FA1326" w:rsidRDefault="00FA1326" w14:paraId="2C89881E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FA1326" w:rsidRDefault="00FA1326" w14:paraId="7CD5C53C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FA1326" w:rsidRDefault="00FA1326" w14:paraId="17FAC255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1655529553">
    <w:abstractNumId w:val="9"/>
  </w:num>
  <w:num w:numId="2" w16cid:durableId="1997294528">
    <w:abstractNumId w:val="7"/>
  </w:num>
  <w:num w:numId="3" w16cid:durableId="1791170948">
    <w:abstractNumId w:val="6"/>
  </w:num>
  <w:num w:numId="4" w16cid:durableId="902983171">
    <w:abstractNumId w:val="5"/>
  </w:num>
  <w:num w:numId="5" w16cid:durableId="1551071348">
    <w:abstractNumId w:val="4"/>
  </w:num>
  <w:num w:numId="6" w16cid:durableId="1021584543">
    <w:abstractNumId w:val="8"/>
  </w:num>
  <w:num w:numId="7" w16cid:durableId="147939983">
    <w:abstractNumId w:val="3"/>
  </w:num>
  <w:num w:numId="8" w16cid:durableId="1048069239">
    <w:abstractNumId w:val="2"/>
  </w:num>
  <w:num w:numId="9" w16cid:durableId="733426690">
    <w:abstractNumId w:val="1"/>
  </w:num>
  <w:num w:numId="10" w16cid:durableId="1019500892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removePersonalInformation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4300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304010"/>
    <w:rsid w:val="00106697"/>
    <w:rsid w:val="001242AF"/>
    <w:rsid w:val="001637E0"/>
    <w:rsid w:val="00252DF6"/>
    <w:rsid w:val="002B464F"/>
    <w:rsid w:val="00304010"/>
    <w:rsid w:val="00453E81"/>
    <w:rsid w:val="0048412B"/>
    <w:rsid w:val="00486A75"/>
    <w:rsid w:val="00494869"/>
    <w:rsid w:val="004F1DD2"/>
    <w:rsid w:val="0051799A"/>
    <w:rsid w:val="005A7937"/>
    <w:rsid w:val="006065D5"/>
    <w:rsid w:val="00627907"/>
    <w:rsid w:val="00691F48"/>
    <w:rsid w:val="006B32EA"/>
    <w:rsid w:val="006C12DA"/>
    <w:rsid w:val="006D193F"/>
    <w:rsid w:val="006D3CB7"/>
    <w:rsid w:val="0075473D"/>
    <w:rsid w:val="007C6ADD"/>
    <w:rsid w:val="007D16F8"/>
    <w:rsid w:val="00822312"/>
    <w:rsid w:val="008544C0"/>
    <w:rsid w:val="00862EFC"/>
    <w:rsid w:val="00996247"/>
    <w:rsid w:val="009969D0"/>
    <w:rsid w:val="009A6472"/>
    <w:rsid w:val="00A74C1D"/>
    <w:rsid w:val="00AC3521"/>
    <w:rsid w:val="00AC4536"/>
    <w:rsid w:val="00AF227C"/>
    <w:rsid w:val="00B076B2"/>
    <w:rsid w:val="00BB3BB0"/>
    <w:rsid w:val="00C12077"/>
    <w:rsid w:val="00D45785"/>
    <w:rsid w:val="00DD25DD"/>
    <w:rsid w:val="00E15C77"/>
    <w:rsid w:val="00E90283"/>
    <w:rsid w:val="00EE2635"/>
    <w:rsid w:val="00F07001"/>
    <w:rsid w:val="00FA1326"/>
    <w:rsid w:val="00FA74D9"/>
    <w:rsid w:val="00FC61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43009"/>
    <o:shapelayout v:ext="edit">
      <o:idmap v:ext="edit" data="1"/>
    </o:shapelayout>
  </w:shapeDefaults>
  <w:decimalSymbol w:val=","/>
  <w:listSeparator w:val=";"/>
  <w14:docId w14:val="735E128B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hAnsi="Times New Roman" w:eastAsia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Pr>
      <w:sz w:val="24"/>
      <w:szCs w:val="24"/>
      <w:lang w:eastAsia="en-US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Text" w:customStyle="1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styleId="WCPageNumber" w:customStyle="1">
    <w:name w:val="WCPageNumber"/>
    <w:pPr>
      <w:jc w:val="center"/>
    </w:pPr>
    <w:rPr>
      <w:sz w:val="24"/>
      <w:lang w:val="en-US" w:eastAsia="en-US"/>
    </w:rPr>
  </w:style>
  <w:style w:type="paragraph" w:styleId="BaseArial" w:customStyle="1">
    <w:name w:val="BaseArial"/>
    <w:rPr>
      <w:rFonts w:ascii="Arial" w:hAnsi="Arial"/>
      <w:sz w:val="24"/>
      <w:lang w:eastAsia="en-US"/>
    </w:rPr>
  </w:style>
  <w:style w:type="paragraph" w:styleId="BaseTimes" w:customStyle="1">
    <w:name w:val="BaseTimes"/>
    <w:rPr>
      <w:sz w:val="24"/>
      <w:lang w:eastAsia="en-US"/>
    </w:rPr>
  </w:style>
  <w:style w:type="character" w:styleId="CharBaseArial" w:customStyle="1">
    <w:name w:val="CharBaseArial"/>
    <w:rPr>
      <w:rFonts w:ascii="Arial" w:hAnsi="Arial"/>
      <w:sz w:val="24"/>
      <w:lang w:val="sv-SE"/>
    </w:rPr>
  </w:style>
  <w:style w:type="character" w:styleId="CharBaseTimes" w:customStyle="1">
    <w:name w:val="CharBaseTimes"/>
    <w:rPr>
      <w:rFonts w:ascii="Times New Roman" w:hAnsi="Times New Roman"/>
      <w:sz w:val="24"/>
      <w:lang w:val="sv-SE"/>
    </w:rPr>
  </w:style>
  <w:style w:type="paragraph" w:styleId="Rubrik1" w:customStyle="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paragraph" w:styleId="BalloonText">
    <w:name w:val="Balloon Text"/>
    <w:basedOn w:val="Normal"/>
    <w:link w:val="BalloonTextChar"/>
    <w:rsid w:val="00382EBC"/>
    <w:rPr>
      <w:rFonts w:ascii="Tahoma" w:hAnsi="Tahoma" w:cs="Tahoma"/>
      <w:sz w:val="16"/>
      <w:szCs w:val="16"/>
    </w:rPr>
  </w:style>
  <w:style w:type="character" w:styleId="BalloonTextChar" w:customStyle="1">
    <w:name w:val="Balloon Text Char"/>
    <w:basedOn w:val="DefaultParagraphFont"/>
    <w:link w:val="BalloonText"/>
    <w:rsid w:val="00382EBC"/>
    <w:rPr>
      <w:rFonts w:ascii="Tahoma" w:hAnsi="Tahoma" w:cs="Tahoma"/>
      <w:sz w:val="16"/>
      <w:szCs w:val="16"/>
      <w:lang w:eastAsia="en-US"/>
    </w:rPr>
  </w:style>
  <w:style w:type="paragraph" w:styleId="ListParagraph">
    <w:name w:val="List Paragraph"/>
    <w:basedOn w:val="Normal"/>
    <w:uiPriority w:val="34"/>
    <w:qFormat/>
    <w:rsid w:val="007D16F8"/>
    <w:pPr>
      <w:ind w:left="720"/>
      <w:contextualSpacing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>
  <ap:Template>Normal.dotm</ap:Template>
</ap:Properties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terms:created xsi:type="dcterms:W3CDTF">1899-12-31T23:00:00.0000000Z</dcterms:created>
  <dcterms:modified xsi:type="dcterms:W3CDTF">2024-01-30T23:05:47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4" name="Lorem_Ipsum_Template_String">
    <vt:lpwstr>Loremipsumlolorsitamet</vt:lpwstr>
  </op:property>
</op:Properties>
</file>